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130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00238503-D545-4F08-841D-A55FFCF137DC}" xr6:coauthVersionLast="47" xr6:coauthVersionMax="47" xr10:uidLastSave="{00000000-0000-0000-0000-000000000000}"/>
  <bookViews>
    <workbookView xWindow="2865" yWindow="0" windowWidth="28845" windowHeight="13845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A68" i="1" l="1"/>
  <c r="A67" i="1"/>
  <c r="A66" i="1"/>
  <c r="A65" i="1"/>
  <c r="A64" i="1"/>
  <c r="A63" i="1"/>
  <c r="A62" i="1"/>
  <c r="A61" i="1"/>
  <c r="A60" i="1"/>
  <c r="A59" i="1"/>
  <c r="A58" i="1"/>
  <c r="A57" i="1"/>
  <c r="A56" i="1"/>
  <c r="A55" i="1"/>
  <c r="A54" i="1"/>
  <c r="A53" i="1"/>
  <c r="A52" i="1"/>
  <c r="A51" i="1"/>
  <c r="A50" i="1"/>
  <c r="A49" i="1"/>
  <c r="A48" i="1"/>
  <c r="A47" i="1"/>
  <c r="A46" i="1"/>
  <c r="A45" i="1"/>
  <c r="A44" i="1"/>
  <c r="A43" i="1"/>
  <c r="A42" i="1"/>
  <c r="A41" i="1"/>
  <c r="A40" i="1"/>
  <c r="A39" i="1"/>
  <c r="A38" i="1"/>
  <c r="A37" i="1"/>
  <c r="A36" i="1"/>
  <c r="A35" i="1"/>
  <c r="A34" i="1"/>
  <c r="A33" i="1"/>
  <c r="A32" i="1"/>
  <c r="A31" i="1"/>
  <c r="A30" i="1"/>
  <c r="A29" i="1"/>
  <c r="A28" i="1"/>
  <c r="A27" i="1"/>
  <c r="A26" i="1"/>
  <c r="A25" i="1"/>
  <c r="A24" i="1"/>
  <c r="A23" i="1"/>
  <c r="A22" i="1"/>
  <c r="A21" i="1"/>
  <c r="A20" i="1"/>
  <c r="A19" i="1"/>
  <c r="A18" i="1"/>
  <c r="A17" i="1"/>
  <c r="A16" i="1"/>
  <c r="A15" i="1"/>
  <c r="A14" i="1"/>
  <c r="A13" i="1"/>
  <c r="A12" i="1"/>
  <c r="A11" i="1"/>
  <c r="A10" i="1"/>
  <c r="A9" i="1"/>
  <c r="A8" i="1"/>
  <c r="A7" i="1"/>
  <c r="A6" i="1"/>
  <c r="A5" i="1"/>
  <c r="A4" i="1"/>
  <c r="A3" i="1"/>
</calcChain>
</file>

<file path=xl/sharedStrings.xml><?xml version="1.0" encoding="utf-8"?>
<sst xmlns="http://schemas.openxmlformats.org/spreadsheetml/2006/main" count="6" uniqueCount="6">
  <si>
    <t>YYYY</t>
  </si>
  <si>
    <t>YYYY.Q</t>
  </si>
  <si>
    <t>Urban Rents</t>
  </si>
  <si>
    <t>Suburban Rents</t>
  </si>
  <si>
    <t>Urban Supply Growth (RHA)</t>
  </si>
  <si>
    <t>Suburban Supply Growth (RHA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"/>
  </numFmts>
  <fonts count="1" x14ac:knownFonts="1">
    <font>
      <sz val="11"/>
      <color theme="1"/>
      <name val="Calibre"/>
      <family val="2"/>
      <scheme val="minor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/>
      <right/>
      <top/>
      <bottom style="thick">
        <color auto="1"/>
      </bottom>
      <diagonal/>
    </border>
  </borders>
  <cellStyleXfs count="1">
    <xf numFmtId="0" fontId="0" fillId="0" borderId="0"/>
  </cellStyleXfs>
  <cellXfs count="4">
    <xf numFmtId="0" fontId="0" fillId="0" borderId="0" xfId="0"/>
    <xf numFmtId="0" fontId="0" fillId="0" borderId="1" xfId="0" applyBorder="1" applyAlignment="1">
      <alignment horizontal="center"/>
    </xf>
    <xf numFmtId="0" fontId="0" fillId="0" borderId="0" xfId="0" applyAlignment="1">
      <alignment horizontal="left"/>
    </xf>
    <xf numFmtId="164" fontId="0" fillId="0" borderId="0" xfId="0" applyNumberForma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2:F68"/>
  <sheetViews>
    <sheetView tabSelected="1" workbookViewId="0">
      <selection activeCell="J25" sqref="J25"/>
    </sheetView>
  </sheetViews>
  <sheetFormatPr defaultRowHeight="14.25" x14ac:dyDescent="0.2"/>
  <cols>
    <col min="3" max="3" width="13.375" customWidth="1"/>
    <col min="4" max="4" width="14.625" customWidth="1"/>
    <col min="5" max="5" width="25.25" customWidth="1"/>
    <col min="6" max="6" width="24.25" customWidth="1"/>
  </cols>
  <sheetData>
    <row r="2" spans="1:6" ht="15" thickBot="1" x14ac:dyDescent="0.25">
      <c r="A2" s="1" t="s">
        <v>0</v>
      </c>
      <c r="B2" s="1" t="s">
        <v>1</v>
      </c>
      <c r="C2" s="1" t="s">
        <v>2</v>
      </c>
      <c r="D2" s="1" t="s">
        <v>3</v>
      </c>
      <c r="E2" s="1" t="s">
        <v>4</v>
      </c>
      <c r="F2" s="1" t="s">
        <v>5</v>
      </c>
    </row>
    <row r="3" spans="1:6" ht="15" thickTop="1" x14ac:dyDescent="0.2">
      <c r="A3" t="str">
        <f>LEFT(B3,4)</f>
        <v>2007</v>
      </c>
      <c r="B3" s="2">
        <v>2007.1</v>
      </c>
      <c r="C3" s="3">
        <v>100</v>
      </c>
      <c r="D3" s="3">
        <v>100</v>
      </c>
    </row>
    <row r="4" spans="1:6" x14ac:dyDescent="0.2">
      <c r="A4" t="str">
        <f t="shared" ref="A4:A67" si="0">LEFT(B4,4)</f>
        <v>2007</v>
      </c>
      <c r="B4" s="2">
        <v>2007.2</v>
      </c>
      <c r="C4" s="3">
        <v>101.25623130608177</v>
      </c>
      <c r="D4" s="3">
        <v>101.57482439493828</v>
      </c>
    </row>
    <row r="5" spans="1:6" x14ac:dyDescent="0.2">
      <c r="A5" t="str">
        <f t="shared" si="0"/>
        <v>2007</v>
      </c>
      <c r="B5" s="2">
        <v>2007.3</v>
      </c>
      <c r="C5" s="3">
        <v>102.65068431070426</v>
      </c>
      <c r="D5" s="3">
        <v>102.57044438648404</v>
      </c>
    </row>
    <row r="6" spans="1:6" x14ac:dyDescent="0.2">
      <c r="A6" t="str">
        <f t="shared" si="0"/>
        <v>2007</v>
      </c>
      <c r="B6" s="2">
        <v>2007.4</v>
      </c>
      <c r="C6" s="3">
        <v>103.24254509199675</v>
      </c>
      <c r="D6" s="3">
        <v>102.56145052928849</v>
      </c>
    </row>
    <row r="7" spans="1:6" x14ac:dyDescent="0.2">
      <c r="A7" t="str">
        <f t="shared" si="0"/>
        <v>2008</v>
      </c>
      <c r="B7" s="2">
        <v>2008.1</v>
      </c>
      <c r="C7" s="3">
        <v>102.78935919514186</v>
      </c>
      <c r="D7" s="3">
        <v>103.09028933238599</v>
      </c>
      <c r="E7" s="3">
        <v>0.96854704890234622</v>
      </c>
      <c r="F7" s="3">
        <v>0.80846517920953875</v>
      </c>
    </row>
    <row r="8" spans="1:6" x14ac:dyDescent="0.2">
      <c r="A8" t="str">
        <f t="shared" si="0"/>
        <v>2008</v>
      </c>
      <c r="B8" s="2">
        <v>2008.2</v>
      </c>
      <c r="C8" s="3">
        <v>105.4078673071694</v>
      </c>
      <c r="D8" s="3">
        <v>103.62002752120303</v>
      </c>
      <c r="E8" s="3">
        <v>0.98894205619328712</v>
      </c>
      <c r="F8" s="3">
        <v>0.76046625372789833</v>
      </c>
    </row>
    <row r="9" spans="1:6" x14ac:dyDescent="0.2">
      <c r="A9" t="str">
        <f t="shared" si="0"/>
        <v>2008</v>
      </c>
      <c r="B9" s="2">
        <v>2008.3</v>
      </c>
      <c r="C9" s="3">
        <v>104.90981600652589</v>
      </c>
      <c r="D9" s="3">
        <v>104.15426263861784</v>
      </c>
      <c r="E9" s="3">
        <v>1.1325801625362342</v>
      </c>
      <c r="F9" s="3">
        <v>0.76282034131249787</v>
      </c>
    </row>
    <row r="10" spans="1:6" x14ac:dyDescent="0.2">
      <c r="A10" t="str">
        <f t="shared" si="0"/>
        <v>2008</v>
      </c>
      <c r="B10" s="2">
        <v>2008.4</v>
      </c>
      <c r="C10" s="3">
        <v>101.39626574820991</v>
      </c>
      <c r="D10" s="3">
        <v>102.82407115939814</v>
      </c>
      <c r="E10" s="3">
        <v>1.0780864767897302</v>
      </c>
      <c r="F10" s="3">
        <v>0.78216662896228861</v>
      </c>
    </row>
    <row r="11" spans="1:6" x14ac:dyDescent="0.2">
      <c r="A11" t="str">
        <f t="shared" si="0"/>
        <v>2009</v>
      </c>
      <c r="B11" s="2">
        <v>2009.1</v>
      </c>
      <c r="C11" s="3">
        <v>98.415662104595299</v>
      </c>
      <c r="D11" s="3">
        <v>100.62687184652883</v>
      </c>
      <c r="E11" s="3">
        <v>1.0794231760389961</v>
      </c>
      <c r="F11" s="3">
        <v>0.79889473600767147</v>
      </c>
    </row>
    <row r="12" spans="1:6" x14ac:dyDescent="0.2">
      <c r="A12" t="str">
        <f t="shared" si="0"/>
        <v>2009</v>
      </c>
      <c r="B12" s="2">
        <v>2009.2</v>
      </c>
      <c r="C12" s="3">
        <v>96.260309979153448</v>
      </c>
      <c r="D12" s="3">
        <v>99.121300151996195</v>
      </c>
      <c r="E12" s="3">
        <v>1.0871173898419073</v>
      </c>
      <c r="F12" s="3">
        <v>0.88942643003153687</v>
      </c>
    </row>
    <row r="13" spans="1:6" x14ac:dyDescent="0.2">
      <c r="A13" t="str">
        <f t="shared" si="0"/>
        <v>2009</v>
      </c>
      <c r="B13" s="2">
        <v>2009.3</v>
      </c>
      <c r="C13" s="3">
        <v>95.661651409408137</v>
      </c>
      <c r="D13" s="3">
        <v>98.229109518199095</v>
      </c>
      <c r="E13" s="3">
        <v>0.86886494673330539</v>
      </c>
      <c r="F13" s="3">
        <v>0.95500281528502207</v>
      </c>
    </row>
    <row r="14" spans="1:6" x14ac:dyDescent="0.2">
      <c r="A14" t="str">
        <f t="shared" si="0"/>
        <v>2009</v>
      </c>
      <c r="B14" s="2">
        <v>2009.4</v>
      </c>
      <c r="C14" s="3">
        <v>94.363727000815743</v>
      </c>
      <c r="D14" s="3">
        <v>97.088688425805188</v>
      </c>
      <c r="E14" s="3">
        <v>0.9433462706217588</v>
      </c>
      <c r="F14" s="3">
        <v>1.0174787223585779</v>
      </c>
    </row>
    <row r="15" spans="1:6" x14ac:dyDescent="0.2">
      <c r="A15" t="str">
        <f t="shared" si="0"/>
        <v>2010</v>
      </c>
      <c r="B15" s="2">
        <v>2010.1</v>
      </c>
      <c r="C15" s="3">
        <v>95.377503852080125</v>
      </c>
      <c r="D15" s="3">
        <v>97.502405856799811</v>
      </c>
      <c r="E15" s="3">
        <v>0.91815150834411163</v>
      </c>
      <c r="F15" s="3">
        <v>1.0070032001783913</v>
      </c>
    </row>
    <row r="16" spans="1:6" x14ac:dyDescent="0.2">
      <c r="A16" t="str">
        <f t="shared" si="0"/>
        <v>2010</v>
      </c>
      <c r="B16" s="2">
        <v>2010.2</v>
      </c>
      <c r="C16" s="3">
        <v>98.253874739418123</v>
      </c>
      <c r="D16" s="3">
        <v>99.343448424725921</v>
      </c>
      <c r="E16" s="3">
        <v>0.97859795296342256</v>
      </c>
      <c r="F16" s="3">
        <v>0.86677383173419109</v>
      </c>
    </row>
    <row r="17" spans="1:6" x14ac:dyDescent="0.2">
      <c r="A17" t="str">
        <f t="shared" si="0"/>
        <v>2010</v>
      </c>
      <c r="B17" s="2">
        <v>2010.3</v>
      </c>
      <c r="C17" s="3">
        <v>100.20076135230673</v>
      </c>
      <c r="D17" s="3">
        <v>100.62777123224838</v>
      </c>
      <c r="E17" s="3">
        <v>0.94110742621127397</v>
      </c>
      <c r="F17" s="3">
        <v>0.70740015423764735</v>
      </c>
    </row>
    <row r="18" spans="1:6" x14ac:dyDescent="0.2">
      <c r="A18" t="str">
        <f t="shared" si="0"/>
        <v>2010</v>
      </c>
      <c r="B18" s="2">
        <v>2010.4</v>
      </c>
      <c r="C18" s="3">
        <v>99.819632013051759</v>
      </c>
      <c r="D18" s="3">
        <v>100.72670366139928</v>
      </c>
      <c r="E18" s="3">
        <v>0.80067897577145164</v>
      </c>
      <c r="F18" s="3">
        <v>0.54816750956778737</v>
      </c>
    </row>
    <row r="19" spans="1:6" x14ac:dyDescent="0.2">
      <c r="A19" t="str">
        <f t="shared" si="0"/>
        <v>2011</v>
      </c>
      <c r="B19" s="2">
        <v>2011.1</v>
      </c>
      <c r="C19" s="3">
        <v>100.94987763980785</v>
      </c>
      <c r="D19" s="3">
        <v>101.61169920943996</v>
      </c>
      <c r="E19" s="3">
        <v>0.64460567698196858</v>
      </c>
      <c r="F19" s="3">
        <v>0.48798113395014386</v>
      </c>
    </row>
    <row r="20" spans="1:6" x14ac:dyDescent="0.2">
      <c r="A20" t="str">
        <f t="shared" si="0"/>
        <v>2011</v>
      </c>
      <c r="B20" s="2">
        <v>2011.2</v>
      </c>
      <c r="C20" s="3">
        <v>103.60645336717121</v>
      </c>
      <c r="D20" s="3">
        <v>103.60293919253151</v>
      </c>
      <c r="E20" s="3">
        <v>0.42332156951909727</v>
      </c>
      <c r="F20" s="3">
        <v>0.45206068964303014</v>
      </c>
    </row>
    <row r="21" spans="1:6" x14ac:dyDescent="0.2">
      <c r="A21" t="str">
        <f t="shared" si="0"/>
        <v>2011</v>
      </c>
      <c r="B21" s="2">
        <v>2011.3</v>
      </c>
      <c r="C21" s="3">
        <v>105.46134324299828</v>
      </c>
      <c r="D21" s="3">
        <v>104.96370978621601</v>
      </c>
      <c r="E21" s="3">
        <v>0.44631103661318949</v>
      </c>
      <c r="F21" s="3">
        <v>0.41529788444538696</v>
      </c>
    </row>
    <row r="22" spans="1:6" x14ac:dyDescent="0.2">
      <c r="A22" t="str">
        <f t="shared" si="0"/>
        <v>2011</v>
      </c>
      <c r="B22" s="2">
        <v>2011.4</v>
      </c>
      <c r="C22" s="3">
        <v>106.35094715852442</v>
      </c>
      <c r="D22" s="3">
        <v>104.74875659924274</v>
      </c>
      <c r="E22" s="3">
        <v>0.41490843692806312</v>
      </c>
      <c r="F22" s="3">
        <v>0.39543563395574299</v>
      </c>
    </row>
    <row r="23" spans="1:6" x14ac:dyDescent="0.2">
      <c r="A23" t="str">
        <f t="shared" si="0"/>
        <v>2012</v>
      </c>
      <c r="B23" s="2">
        <v>2012.1</v>
      </c>
      <c r="C23" s="3">
        <v>106.71893410677062</v>
      </c>
      <c r="D23" s="3">
        <v>105.40350940307772</v>
      </c>
      <c r="E23" s="3">
        <v>0.40337084003292389</v>
      </c>
      <c r="F23" s="3">
        <v>0.36343719264446683</v>
      </c>
    </row>
    <row r="24" spans="1:6" x14ac:dyDescent="0.2">
      <c r="A24" t="str">
        <f t="shared" si="0"/>
        <v>2012</v>
      </c>
      <c r="B24" s="2">
        <v>2012.2</v>
      </c>
      <c r="C24" s="3">
        <v>109.03833952687394</v>
      </c>
      <c r="D24" s="3">
        <v>107.44961191506204</v>
      </c>
      <c r="E24" s="3">
        <v>0.4730534533995856</v>
      </c>
      <c r="F24" s="3">
        <v>0.36386533242527275</v>
      </c>
    </row>
    <row r="25" spans="1:6" x14ac:dyDescent="0.2">
      <c r="A25" t="str">
        <f t="shared" si="0"/>
        <v>2012</v>
      </c>
      <c r="B25" s="2">
        <v>2012.3</v>
      </c>
      <c r="C25" s="3">
        <v>110.6802320311792</v>
      </c>
      <c r="D25" s="3">
        <v>108.57834099310172</v>
      </c>
      <c r="E25" s="3">
        <v>0.51848272133805384</v>
      </c>
      <c r="F25" s="3">
        <v>0.47470087192302834</v>
      </c>
    </row>
    <row r="26" spans="1:6" x14ac:dyDescent="0.2">
      <c r="A26" t="str">
        <f t="shared" si="0"/>
        <v>2012</v>
      </c>
      <c r="B26" s="2">
        <v>2012.4</v>
      </c>
      <c r="C26" s="3">
        <v>110.38430164053294</v>
      </c>
      <c r="D26" s="3">
        <v>108.41914972074075</v>
      </c>
      <c r="E26" s="3">
        <v>0.65274187045869514</v>
      </c>
      <c r="F26" s="3">
        <v>0.52517535696912088</v>
      </c>
    </row>
    <row r="27" spans="1:6" x14ac:dyDescent="0.2">
      <c r="A27" t="str">
        <f t="shared" si="0"/>
        <v>2013</v>
      </c>
      <c r="B27" s="2">
        <v>2013.1</v>
      </c>
      <c r="C27" s="3">
        <v>110.10695187165776</v>
      </c>
      <c r="D27" s="3">
        <v>109.19352082527635</v>
      </c>
      <c r="E27" s="3">
        <v>0.78425278425278133</v>
      </c>
      <c r="F27" s="3">
        <v>0.58540316614803523</v>
      </c>
    </row>
    <row r="28" spans="1:6" x14ac:dyDescent="0.2">
      <c r="A28" t="str">
        <f t="shared" si="0"/>
        <v>2013</v>
      </c>
      <c r="B28" s="2">
        <v>2013.2</v>
      </c>
      <c r="C28" s="3">
        <v>111.7651590682498</v>
      </c>
      <c r="D28" s="3">
        <v>111.42579618120827</v>
      </c>
      <c r="E28" s="3">
        <v>0.8693138892094332</v>
      </c>
      <c r="F28" s="3">
        <v>0.69893776529932339</v>
      </c>
    </row>
    <row r="29" spans="1:6" x14ac:dyDescent="0.2">
      <c r="A29" t="str">
        <f t="shared" si="0"/>
        <v>2013</v>
      </c>
      <c r="B29" s="2">
        <v>2013.3</v>
      </c>
      <c r="C29" s="3">
        <v>113.16640986132512</v>
      </c>
      <c r="D29" s="3">
        <v>112.86391394677439</v>
      </c>
      <c r="E29" s="3">
        <v>1.097566275532369</v>
      </c>
      <c r="F29" s="3">
        <v>0.68609833090595984</v>
      </c>
    </row>
    <row r="30" spans="1:6" x14ac:dyDescent="0.2">
      <c r="A30" t="str">
        <f t="shared" si="0"/>
        <v>2013</v>
      </c>
      <c r="B30" s="2">
        <v>2013.4</v>
      </c>
      <c r="C30" s="3">
        <v>111.94507386930118</v>
      </c>
      <c r="D30" s="3">
        <v>112.27931322906458</v>
      </c>
      <c r="E30" s="3">
        <v>1.4616244318434335</v>
      </c>
      <c r="F30" s="3">
        <v>0.76665294316142774</v>
      </c>
    </row>
    <row r="31" spans="1:6" x14ac:dyDescent="0.2">
      <c r="A31" t="str">
        <f t="shared" si="0"/>
        <v>2014</v>
      </c>
      <c r="B31" s="2">
        <v>2014.1</v>
      </c>
      <c r="C31" s="3">
        <v>112.30580984319768</v>
      </c>
      <c r="D31" s="3">
        <v>112.82164281795538</v>
      </c>
      <c r="E31" s="3">
        <v>1.5842710124337467</v>
      </c>
      <c r="F31" s="3">
        <v>0.85165992450608741</v>
      </c>
    </row>
    <row r="32" spans="1:6" x14ac:dyDescent="0.2">
      <c r="A32" t="str">
        <f t="shared" si="0"/>
        <v>2014</v>
      </c>
      <c r="B32" s="2">
        <v>2014.2</v>
      </c>
      <c r="C32" s="3">
        <v>114.82189794253601</v>
      </c>
      <c r="D32" s="3">
        <v>115.43525771897799</v>
      </c>
      <c r="E32" s="3">
        <v>1.727367258320478</v>
      </c>
      <c r="F32" s="3">
        <v>0.94242966887130297</v>
      </c>
    </row>
    <row r="33" spans="1:6" x14ac:dyDescent="0.2">
      <c r="A33" t="str">
        <f t="shared" si="0"/>
        <v>2014</v>
      </c>
      <c r="B33" s="2">
        <v>2014.3</v>
      </c>
      <c r="C33" s="3">
        <v>115.67434061452006</v>
      </c>
      <c r="D33" s="3">
        <v>117.17916662919232</v>
      </c>
      <c r="E33" s="3">
        <v>1.836857954093607</v>
      </c>
      <c r="F33" s="3">
        <v>1.1271714196059657</v>
      </c>
    </row>
    <row r="34" spans="1:6" x14ac:dyDescent="0.2">
      <c r="A34" t="str">
        <f t="shared" si="0"/>
        <v>2014</v>
      </c>
      <c r="B34" s="2">
        <v>2014.4</v>
      </c>
      <c r="C34" s="3">
        <v>115.25695640351674</v>
      </c>
      <c r="D34" s="3">
        <v>117.29788554417337</v>
      </c>
      <c r="E34" s="3">
        <v>1.9078307386500626</v>
      </c>
      <c r="F34" s="3">
        <v>1.2140565247743318</v>
      </c>
    </row>
    <row r="35" spans="1:6" x14ac:dyDescent="0.2">
      <c r="A35" t="str">
        <f t="shared" si="0"/>
        <v>2015</v>
      </c>
      <c r="B35" s="2">
        <v>2015.1</v>
      </c>
      <c r="C35" s="3">
        <v>115.72419106317413</v>
      </c>
      <c r="D35" s="3">
        <v>118.46348943671477</v>
      </c>
      <c r="E35" s="3">
        <v>2.0160403399797966</v>
      </c>
      <c r="F35" s="3">
        <v>1.1604261428650453</v>
      </c>
    </row>
    <row r="36" spans="1:6" x14ac:dyDescent="0.2">
      <c r="A36" t="str">
        <f t="shared" si="0"/>
        <v>2015</v>
      </c>
      <c r="B36" s="2">
        <v>2015.2</v>
      </c>
      <c r="C36" s="3">
        <v>118.37895404695007</v>
      </c>
      <c r="D36" s="3">
        <v>121.68958601275334</v>
      </c>
      <c r="E36" s="3">
        <v>2.1769297116770892</v>
      </c>
      <c r="F36" s="3">
        <v>1.1931786745079442</v>
      </c>
    </row>
    <row r="37" spans="1:6" x14ac:dyDescent="0.2">
      <c r="A37" t="str">
        <f t="shared" si="0"/>
        <v>2015</v>
      </c>
      <c r="B37" s="2">
        <v>2015.3</v>
      </c>
      <c r="C37" s="3">
        <v>120.14275355750931</v>
      </c>
      <c r="D37" s="3">
        <v>123.84811173968185</v>
      </c>
      <c r="E37" s="3">
        <v>2.1738740431028525</v>
      </c>
      <c r="F37" s="3">
        <v>1.2050867256210962</v>
      </c>
    </row>
    <row r="38" spans="1:6" x14ac:dyDescent="0.2">
      <c r="A38" t="str">
        <f t="shared" si="0"/>
        <v>2015</v>
      </c>
      <c r="B38" s="2">
        <v>2015.4</v>
      </c>
      <c r="C38" s="3">
        <v>118.48907821988581</v>
      </c>
      <c r="D38" s="3">
        <v>123.46317465171293</v>
      </c>
      <c r="E38" s="3">
        <v>2.3325678322865917</v>
      </c>
      <c r="F38" s="3">
        <v>1.2603715169452911</v>
      </c>
    </row>
    <row r="39" spans="1:6" x14ac:dyDescent="0.2">
      <c r="A39" t="str">
        <f t="shared" si="0"/>
        <v>2016</v>
      </c>
      <c r="B39" s="2">
        <v>2016.1</v>
      </c>
      <c r="C39" s="3">
        <v>118.12381038702077</v>
      </c>
      <c r="D39" s="3">
        <v>124.6719490587929</v>
      </c>
      <c r="E39" s="3">
        <v>2.3245166393021099</v>
      </c>
      <c r="F39" s="3">
        <v>1.3988512208807258</v>
      </c>
    </row>
    <row r="40" spans="1:6" x14ac:dyDescent="0.2">
      <c r="A40" t="str">
        <f t="shared" si="0"/>
        <v>2016</v>
      </c>
      <c r="B40" s="2">
        <v>2016.2</v>
      </c>
      <c r="C40" s="3">
        <v>119.78881537206564</v>
      </c>
      <c r="D40" s="3">
        <v>127.63902254760006</v>
      </c>
      <c r="E40" s="3">
        <v>2.4708534915848013</v>
      </c>
      <c r="F40" s="3">
        <v>1.4429228131580318</v>
      </c>
    </row>
    <row r="41" spans="1:6" x14ac:dyDescent="0.2">
      <c r="A41" t="str">
        <f t="shared" si="0"/>
        <v>2016</v>
      </c>
      <c r="B41" s="2">
        <v>2016.3</v>
      </c>
      <c r="C41" s="3">
        <v>119.54182905827972</v>
      </c>
      <c r="D41" s="3">
        <v>129.00968638419965</v>
      </c>
      <c r="E41" s="3">
        <v>2.4734208606027597</v>
      </c>
      <c r="F41" s="3">
        <v>1.5113504317303628</v>
      </c>
    </row>
    <row r="42" spans="1:6" x14ac:dyDescent="0.2">
      <c r="A42" t="str">
        <f t="shared" si="0"/>
        <v>2016</v>
      </c>
      <c r="B42" s="2">
        <v>2016.4</v>
      </c>
      <c r="C42" s="3">
        <v>117.2011239010242</v>
      </c>
      <c r="D42" s="3">
        <v>128.22901957962716</v>
      </c>
      <c r="E42" s="3">
        <v>2.4444966936979728</v>
      </c>
      <c r="F42" s="3">
        <v>1.6529980286238644</v>
      </c>
    </row>
    <row r="43" spans="1:6" x14ac:dyDescent="0.2">
      <c r="A43" t="str">
        <f t="shared" si="0"/>
        <v>2017</v>
      </c>
      <c r="B43" s="2">
        <v>2017.1</v>
      </c>
      <c r="C43" s="3">
        <v>117.49705429167045</v>
      </c>
      <c r="D43" s="3">
        <v>128.8576901975951</v>
      </c>
      <c r="E43" s="3">
        <v>2.5516563342943721</v>
      </c>
      <c r="F43" s="3">
        <v>1.6401999608419482</v>
      </c>
    </row>
    <row r="44" spans="1:6" x14ac:dyDescent="0.2">
      <c r="A44" t="str">
        <f t="shared" si="0"/>
        <v>2017</v>
      </c>
      <c r="B44" s="2">
        <v>2017.2</v>
      </c>
      <c r="C44" s="3">
        <v>119.59893048128343</v>
      </c>
      <c r="D44" s="3">
        <v>131.7078435428603</v>
      </c>
      <c r="E44" s="3">
        <v>2.4587460501537484</v>
      </c>
      <c r="F44" s="3">
        <v>1.6287569225962972</v>
      </c>
    </row>
    <row r="45" spans="1:6" x14ac:dyDescent="0.2">
      <c r="A45" t="str">
        <f t="shared" si="0"/>
        <v>2017</v>
      </c>
      <c r="B45" s="2">
        <v>2017.3</v>
      </c>
      <c r="C45" s="3">
        <v>120.46406235837941</v>
      </c>
      <c r="D45" s="3">
        <v>132.8329750780218</v>
      </c>
      <c r="E45" s="3">
        <v>2.5667722632166212</v>
      </c>
      <c r="F45" s="3">
        <v>1.6069271651558914</v>
      </c>
    </row>
    <row r="46" spans="1:6" x14ac:dyDescent="0.2">
      <c r="A46" t="str">
        <f t="shared" si="0"/>
        <v>2017</v>
      </c>
      <c r="B46" s="2">
        <v>2017.4</v>
      </c>
      <c r="C46" s="3">
        <v>118.35085652134508</v>
      </c>
      <c r="D46" s="3">
        <v>131.79688272909613</v>
      </c>
      <c r="E46" s="3">
        <v>2.5786263526912823</v>
      </c>
      <c r="F46" s="3">
        <v>1.5715235542620665</v>
      </c>
    </row>
    <row r="47" spans="1:6" x14ac:dyDescent="0.2">
      <c r="A47" t="str">
        <f t="shared" si="0"/>
        <v>2018</v>
      </c>
      <c r="B47" s="2">
        <v>2018.1</v>
      </c>
      <c r="C47" s="3">
        <v>118.62140850176743</v>
      </c>
      <c r="D47" s="3">
        <v>132.77541439197037</v>
      </c>
      <c r="E47" s="3">
        <v>2.5783643460757455</v>
      </c>
      <c r="F47" s="3">
        <v>1.5645725812921896</v>
      </c>
    </row>
    <row r="48" spans="1:6" x14ac:dyDescent="0.2">
      <c r="A48" t="str">
        <f t="shared" si="0"/>
        <v>2018</v>
      </c>
      <c r="B48" s="2">
        <v>2018.2</v>
      </c>
      <c r="C48" s="3">
        <v>120.60545635819815</v>
      </c>
      <c r="D48" s="3">
        <v>135.4699740077528</v>
      </c>
      <c r="E48" s="3">
        <v>2.9302165509097922</v>
      </c>
      <c r="F48" s="3">
        <v>1.661262142158626</v>
      </c>
    </row>
    <row r="49" spans="1:6" x14ac:dyDescent="0.2">
      <c r="A49" t="str">
        <f t="shared" si="0"/>
        <v>2018</v>
      </c>
      <c r="B49" s="2">
        <v>2018.3</v>
      </c>
      <c r="C49" s="3">
        <v>121.80730535665732</v>
      </c>
      <c r="D49" s="3">
        <v>136.99892973099384</v>
      </c>
      <c r="E49" s="3">
        <v>2.9322714957739082</v>
      </c>
      <c r="F49" s="3">
        <v>1.6411571111317524</v>
      </c>
    </row>
    <row r="50" spans="1:6" x14ac:dyDescent="0.2">
      <c r="A50" t="str">
        <f t="shared" si="0"/>
        <v>2018</v>
      </c>
      <c r="B50" s="2">
        <v>2018.4</v>
      </c>
      <c r="C50" s="3">
        <v>121.0813015498958</v>
      </c>
      <c r="D50" s="3">
        <v>136.2830186982292</v>
      </c>
      <c r="E50" s="3">
        <v>2.8136382071020316</v>
      </c>
      <c r="F50" s="3">
        <v>1.5444919629351572</v>
      </c>
    </row>
    <row r="51" spans="1:6" x14ac:dyDescent="0.2">
      <c r="A51" t="str">
        <f t="shared" si="0"/>
        <v>2019</v>
      </c>
      <c r="B51" s="2">
        <v>2019.1</v>
      </c>
      <c r="C51" s="3">
        <v>120.84700444122181</v>
      </c>
      <c r="D51" s="3">
        <v>137.14463021756148</v>
      </c>
      <c r="E51" s="3">
        <v>2.5887305636658198</v>
      </c>
      <c r="F51" s="3">
        <v>1.5057055463359781</v>
      </c>
    </row>
    <row r="52" spans="1:6" x14ac:dyDescent="0.2">
      <c r="A52" t="str">
        <f t="shared" si="0"/>
        <v>2019</v>
      </c>
      <c r="B52" s="2">
        <v>2019.2</v>
      </c>
      <c r="C52" s="3">
        <v>122.4626121635095</v>
      </c>
      <c r="D52" s="3">
        <v>139.83199474758749</v>
      </c>
      <c r="E52" s="3">
        <v>2.2909289532432098</v>
      </c>
      <c r="F52" s="3">
        <v>1.4594660164056084</v>
      </c>
    </row>
    <row r="53" spans="1:6" x14ac:dyDescent="0.2">
      <c r="A53" t="str">
        <f t="shared" si="0"/>
        <v>2019</v>
      </c>
      <c r="B53" s="2">
        <v>2019.3</v>
      </c>
      <c r="C53" s="3">
        <v>123.95087464878095</v>
      </c>
      <c r="D53" s="3">
        <v>141.37624002806095</v>
      </c>
      <c r="E53" s="3">
        <v>2.2400677457358187</v>
      </c>
      <c r="F53" s="3">
        <v>1.4687193425646061</v>
      </c>
    </row>
    <row r="54" spans="1:6" x14ac:dyDescent="0.2">
      <c r="A54" t="str">
        <f t="shared" si="0"/>
        <v>2019</v>
      </c>
      <c r="B54" s="2">
        <v>2019.4</v>
      </c>
      <c r="C54" s="3">
        <v>122.50611800960755</v>
      </c>
      <c r="D54" s="3">
        <v>140.30776979323133</v>
      </c>
      <c r="E54" s="3">
        <v>2.1652831201317335</v>
      </c>
      <c r="F54" s="3">
        <v>1.5240400262426901</v>
      </c>
    </row>
    <row r="55" spans="1:6" x14ac:dyDescent="0.2">
      <c r="A55" t="str">
        <f t="shared" si="0"/>
        <v>2020</v>
      </c>
      <c r="B55" s="2">
        <v>2020.1</v>
      </c>
      <c r="C55" s="3">
        <v>122.81519079126259</v>
      </c>
      <c r="D55" s="3">
        <v>141.14599728385522</v>
      </c>
      <c r="E55" s="3">
        <v>2.2793674086484916</v>
      </c>
      <c r="F55" s="3">
        <v>1.5879110729697166</v>
      </c>
    </row>
    <row r="56" spans="1:6" x14ac:dyDescent="0.2">
      <c r="A56" t="str">
        <f t="shared" si="0"/>
        <v>2020</v>
      </c>
      <c r="B56" s="2">
        <v>2020.2</v>
      </c>
      <c r="C56" s="3">
        <v>120.37297199311161</v>
      </c>
      <c r="D56" s="3">
        <v>139.40118898792136</v>
      </c>
      <c r="E56" s="3">
        <v>2.3014724633434014</v>
      </c>
      <c r="F56" s="3">
        <v>1.6491971353862489</v>
      </c>
    </row>
    <row r="57" spans="1:6" x14ac:dyDescent="0.2">
      <c r="A57" t="str">
        <f t="shared" si="0"/>
        <v>2020</v>
      </c>
      <c r="B57" s="2">
        <v>2020.3</v>
      </c>
      <c r="C57" s="3">
        <v>112.88452823348139</v>
      </c>
      <c r="D57" s="3">
        <v>139.78432730445115</v>
      </c>
      <c r="E57" s="3">
        <v>2.2201689311748485</v>
      </c>
      <c r="F57" s="3">
        <v>1.6470421835346194</v>
      </c>
    </row>
    <row r="58" spans="1:6" x14ac:dyDescent="0.2">
      <c r="A58" t="str">
        <f t="shared" si="0"/>
        <v>2020</v>
      </c>
      <c r="B58" s="2">
        <v>2020.4</v>
      </c>
      <c r="C58" s="3">
        <v>107.66382670171306</v>
      </c>
      <c r="D58" s="3">
        <v>139.69348934677626</v>
      </c>
      <c r="E58" s="3">
        <v>2.1662630060472532</v>
      </c>
      <c r="F58" s="3">
        <v>1.7326274215094584</v>
      </c>
    </row>
    <row r="59" spans="1:6" x14ac:dyDescent="0.2">
      <c r="A59" t="str">
        <f t="shared" si="0"/>
        <v>2021</v>
      </c>
      <c r="B59" s="2">
        <v>2021.1</v>
      </c>
      <c r="C59" s="3">
        <v>107.1539925677513</v>
      </c>
      <c r="D59" s="3">
        <v>140.89416928238023</v>
      </c>
      <c r="E59" s="3">
        <v>2.0737248376435868</v>
      </c>
      <c r="F59" s="3">
        <v>1.7633280272220331</v>
      </c>
    </row>
    <row r="60" spans="1:6" x14ac:dyDescent="0.2">
      <c r="A60" t="str">
        <f t="shared" si="0"/>
        <v>2021</v>
      </c>
      <c r="B60" s="2">
        <v>2021.2</v>
      </c>
      <c r="C60" s="3">
        <v>110.95758180005438</v>
      </c>
      <c r="D60" s="3">
        <v>146.42988838623231</v>
      </c>
      <c r="E60" s="3">
        <v>1.9952770379021434</v>
      </c>
      <c r="F60" s="3">
        <v>1.7053132890237022</v>
      </c>
    </row>
    <row r="61" spans="1:6" x14ac:dyDescent="0.2">
      <c r="A61" t="str">
        <f t="shared" si="0"/>
        <v>2021</v>
      </c>
      <c r="B61" s="2">
        <v>2021.3</v>
      </c>
      <c r="C61" s="3">
        <v>119.15571467415934</v>
      </c>
      <c r="D61" s="3">
        <v>155.1890059089643</v>
      </c>
      <c r="E61" s="3">
        <v>2.0567551136833284</v>
      </c>
      <c r="F61" s="3">
        <v>1.7157404288281164</v>
      </c>
    </row>
    <row r="62" spans="1:6" x14ac:dyDescent="0.2">
      <c r="A62" t="str">
        <f t="shared" si="0"/>
        <v>2021</v>
      </c>
      <c r="B62" s="2">
        <v>2021.4</v>
      </c>
      <c r="C62" s="3">
        <v>122.09145291398534</v>
      </c>
      <c r="D62" s="3">
        <v>159.36755196201008</v>
      </c>
      <c r="E62" s="3">
        <v>2.0544681616484484</v>
      </c>
      <c r="F62" s="3">
        <v>1.6538146500219897</v>
      </c>
    </row>
    <row r="63" spans="1:6" x14ac:dyDescent="0.2">
      <c r="A63" t="str">
        <f t="shared" si="0"/>
        <v>2022</v>
      </c>
      <c r="B63" s="2">
        <v>2022.1</v>
      </c>
      <c r="C63" s="3">
        <v>124.28713858424726</v>
      </c>
      <c r="D63" s="3">
        <v>162.6098374810006</v>
      </c>
      <c r="E63" s="3">
        <v>2.2450158808937415</v>
      </c>
      <c r="F63" s="3">
        <v>1.7239606959023712</v>
      </c>
    </row>
    <row r="64" spans="1:6" x14ac:dyDescent="0.2">
      <c r="A64" t="str">
        <f t="shared" si="0"/>
        <v>2022</v>
      </c>
      <c r="B64" s="2">
        <v>2022.2</v>
      </c>
      <c r="C64" s="3">
        <v>127.07513822169855</v>
      </c>
      <c r="D64" s="3">
        <v>167.87034455466929</v>
      </c>
      <c r="E64" s="3">
        <v>2.1106718691558113</v>
      </c>
      <c r="F64" s="3">
        <v>1.7268898575203862</v>
      </c>
    </row>
    <row r="65" spans="1:6" x14ac:dyDescent="0.2">
      <c r="A65" t="str">
        <f t="shared" si="0"/>
        <v>2022</v>
      </c>
      <c r="B65" s="2">
        <v>2022.3</v>
      </c>
      <c r="C65" s="3">
        <v>130.11601558959487</v>
      </c>
      <c r="D65" s="3">
        <v>171.76018779173836</v>
      </c>
      <c r="E65" s="3">
        <v>2.0338784309530844</v>
      </c>
      <c r="F65" s="3">
        <v>1.8850285154305091</v>
      </c>
    </row>
    <row r="66" spans="1:6" x14ac:dyDescent="0.2">
      <c r="A66" t="str">
        <f t="shared" si="0"/>
        <v>2022</v>
      </c>
      <c r="B66" s="2">
        <v>2022.4</v>
      </c>
      <c r="C66" s="3">
        <v>129.20103326384483</v>
      </c>
      <c r="D66" s="3">
        <v>169.99919055285255</v>
      </c>
      <c r="E66" s="3">
        <v>2.1340829714439291</v>
      </c>
      <c r="F66" s="3">
        <v>2.0628397992014991</v>
      </c>
    </row>
    <row r="67" spans="1:6" x14ac:dyDescent="0.2">
      <c r="A67" t="str">
        <f t="shared" si="0"/>
        <v>2023</v>
      </c>
      <c r="B67" s="2">
        <v>2023.1</v>
      </c>
      <c r="C67" s="3">
        <v>128.36671802773498</v>
      </c>
      <c r="D67" s="3">
        <v>169.98300160990058</v>
      </c>
      <c r="E67" s="3">
        <v>2.0124975032010051</v>
      </c>
      <c r="F67" s="3">
        <v>2.0468369724578439</v>
      </c>
    </row>
    <row r="68" spans="1:6" x14ac:dyDescent="0.2">
      <c r="A68" t="str">
        <f t="shared" ref="A68" si="1">LEFT(B68,4)</f>
        <v>2023</v>
      </c>
      <c r="B68" s="2">
        <v>2023.2</v>
      </c>
      <c r="C68" s="3">
        <v>129.48427444937911</v>
      </c>
      <c r="D68" s="3">
        <v>171.96254957863795</v>
      </c>
      <c r="E68" s="3">
        <v>2.1203349479492539</v>
      </c>
      <c r="F68" s="3">
        <v>2.1807650614312113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3-11-02T00:04:01Z</dcterms:created>
  <dcterms:modified xsi:type="dcterms:W3CDTF">2023-11-14T19:11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